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7"/>
  </p:sldMasterIdLst>
  <p:notesMasterIdLst>
    <p:notesMasterId r:id="rId26"/>
  </p:notesMasterIdLst>
  <p:handoutMasterIdLst>
    <p:handoutMasterId r:id="rId27"/>
  </p:handoutMasterIdLst>
  <p:sldIdLst>
    <p:sldId id="265" r:id="rId18"/>
    <p:sldId id="262" r:id="rId19"/>
    <p:sldId id="267" r:id="rId20"/>
    <p:sldId id="268" r:id="rId21"/>
    <p:sldId id="269" r:id="rId22"/>
    <p:sldId id="271" r:id="rId23"/>
    <p:sldId id="272" r:id="rId24"/>
    <p:sldId id="273" r:id="rId25"/>
  </p:sldIdLst>
  <p:sldSz cx="12192000" cy="6858000"/>
  <p:notesSz cx="6858000" cy="9144000"/>
  <p:embeddedFontLst>
    <p:embeddedFont>
      <p:font typeface="Nationalbank" panose="020B0503040000020004" pitchFamily="34" charset="0"/>
      <p:regular r:id="rId28"/>
      <p:bold r:id="rId29"/>
      <p:italic r:id="rId30"/>
      <p:boldItalic r:id="rId31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994" autoAdjust="0"/>
    <p:restoredTop sz="96701" autoAdjust="0"/>
  </p:normalViewPr>
  <p:slideViewPr>
    <p:cSldViewPr snapToGrid="0" showGuides="1">
      <p:cViewPr varScale="1">
        <p:scale>
          <a:sx n="131" d="100"/>
          <a:sy n="131" d="100"/>
        </p:scale>
        <p:origin x="224" y="18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7" d="100"/>
          <a:sy n="87" d="100"/>
        </p:scale>
        <p:origin x="3252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font" Target="fonts/font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font" Target="fonts/font1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font" Target="fonts/font4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handoutMaster" Target="handoutMasters/handoutMaster1.xml"/><Relationship Id="rId30" Type="http://schemas.openxmlformats.org/officeDocument/2006/relationships/font" Target="fonts/font3.fntdata"/><Relationship Id="rId35" Type="http://schemas.openxmlformats.org/officeDocument/2006/relationships/tableStyles" Target="tableStyle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77EB61B-E5FA-43FF-BB59-404821AB4319}" type="datetime1">
              <a:rPr lang="en-GB" smtClean="0"/>
              <a:t>30/10/2024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°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6E00B73-84F4-41CE-B303-0764B0E55F0E}" type="datetime1">
              <a:rPr lang="en-GB" smtClean="0"/>
              <a:t>30/10/2024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°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DBBF935-641B-7CAE-904A-E0376C2391B1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221236F8-290E-4086-9E9A-BDF84908B285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34375229-2AE1-CA00-16E0-2DFE95C9C48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0C27ED-7146-18D5-C1C2-E17FD8A7A3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Baggrund"/>
          <p:cNvSpPr/>
          <p:nvPr userDrawn="1"/>
        </p:nvSpPr>
        <p:spPr bwMode="white">
          <a:xfrm>
            <a:off x="1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000" dirty="0" err="1"/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2492895"/>
            <a:ext cx="11341476" cy="870117"/>
          </a:xfrm>
        </p:spPr>
        <p:txBody>
          <a:bodyPr rIns="2160000" anchor="t" anchorCtr="0"/>
          <a:lstStyle>
            <a:lvl1pPr>
              <a:defRPr sz="3200" cap="none" baseline="0"/>
            </a:lvl1pPr>
          </a:lstStyle>
          <a:p>
            <a:r>
              <a:rPr lang="da-DK" dirty="0"/>
              <a:t>Klik for at indsætte </a:t>
            </a:r>
            <a:br>
              <a:rPr lang="da-DK" dirty="0"/>
            </a:br>
            <a:r>
              <a:rPr lang="da-DK" dirty="0"/>
              <a:t>overskrift i en eller to linjer</a:t>
            </a:r>
            <a:endParaRPr lang="da-DK"/>
          </a:p>
        </p:txBody>
      </p:sp>
      <p:sp>
        <p:nvSpPr>
          <p:cNvPr id="20" name="Pladsholder til tekst 2"/>
          <p:cNvSpPr>
            <a:spLocks noGrp="1"/>
          </p:cNvSpPr>
          <p:nvPr>
            <p:ph type="body" sz="quarter" idx="17" hasCustomPrompt="1"/>
          </p:nvPr>
        </p:nvSpPr>
        <p:spPr>
          <a:xfrm>
            <a:off x="424855" y="3822296"/>
            <a:ext cx="11341476" cy="470800"/>
          </a:xfrm>
        </p:spPr>
        <p:txBody>
          <a:bodyPr tIns="0" rIns="2160000" anchor="b"/>
          <a:lstStyle>
            <a:lvl1pPr marL="0" indent="0">
              <a:spcBef>
                <a:spcPts val="0"/>
              </a:spcBef>
              <a:buFontTx/>
              <a:buNone/>
              <a:defRPr sz="1400" b="0"/>
            </a:lvl1pPr>
          </a:lstStyle>
          <a:p>
            <a:pPr lvl="0"/>
            <a:r>
              <a:rPr lang="da-DK" dirty="0"/>
              <a:t>Klik her for at indsætte dato og evt. navn</a:t>
            </a:r>
            <a:endParaRPr lang="da-DK"/>
          </a:p>
        </p:txBody>
      </p:sp>
      <p:sp>
        <p:nvSpPr>
          <p:cNvPr id="14" name="Text Box 8"/>
          <p:cNvSpPr txBox="1">
            <a:spLocks noChangeArrowheads="1"/>
          </p:cNvSpPr>
          <p:nvPr userDrawn="1"/>
        </p:nvSpPr>
        <p:spPr bwMode="auto">
          <a:xfrm>
            <a:off x="424854" y="1268760"/>
            <a:ext cx="11341476" cy="8255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lIns="0" tIns="0" rIns="0" bIns="0" anchor="b"/>
          <a:lstStyle/>
          <a:p>
            <a:pPr algn="l">
              <a:lnSpc>
                <a:spcPts val="3000"/>
              </a:lnSpc>
            </a:pPr>
            <a:r>
              <a:rPr lang="da-DK" sz="3400" dirty="0">
                <a:latin typeface="Nationalbank" panose="020B0503040000020004" pitchFamily="2" charset="0"/>
              </a:rPr>
              <a:t>DANMARKS</a:t>
            </a:r>
            <a:br>
              <a:rPr lang="da-DK" sz="3400" dirty="0">
                <a:latin typeface="Nationalbank" panose="020B0503040000020004" pitchFamily="2" charset="0"/>
              </a:rPr>
            </a:br>
            <a:r>
              <a:rPr lang="da-DK" sz="3400" dirty="0">
                <a:latin typeface="Nationalbank" panose="020B0503040000020004" pitchFamily="2" charset="0"/>
              </a:rPr>
              <a:t>NATIONALBANK</a:t>
            </a:r>
            <a:endParaRPr lang="da-DK"/>
          </a:p>
        </p:txBody>
      </p:sp>
      <p:cxnSp>
        <p:nvCxnSpPr>
          <p:cNvPr id="18" name="Lige forbindelse 17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Logo">
            <a:extLst>
              <a:ext uri="{FF2B5EF4-FFF2-40B4-BE49-F238E27FC236}">
                <a16:creationId xmlns:a16="http://schemas.microsoft.com/office/drawing/2014/main" id="{3A70D1E8-BC43-530F-4338-218275C17A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144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2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C93C218-7FF2-4F07-8780-EDA323FB52B1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          Klik ENTER og derefter TAB for at se næste tekstformat                   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3051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3B902603-EAF6-42BD-9BF0-51D2D8FBA7EA}" type="datetime2">
              <a:rPr lang="da-DK" smtClean="0"/>
              <a:t>30. oktober 2024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CA053A5B-7BE2-68E2-B7FE-8889F478459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7D0C241-7F62-7CC9-B156-EB903163D7BA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D7369D96-0516-2367-FAAF-A81AF874010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           Klik ENTER og derefter TAB for at se næste tekstformat                   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35fe1d0d-3849-4ee9-9d8f-33ed15480d9f&quot;}}">
            <a:extLst>
              <a:ext uri="{FF2B5EF4-FFF2-40B4-BE49-F238E27FC236}">
                <a16:creationId xmlns:a16="http://schemas.microsoft.com/office/drawing/2014/main" id="{4473CC7A-D808-549F-722D-0BA95490CC6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291461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73F4E1D-5C32-49E7-97CB-D57621232114}" type="datetime2">
              <a:rPr lang="da-DK" smtClean="0"/>
              <a:t>30. oktober 2024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8675F5D2-DC03-73FD-57EA-0631CB0390EE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5F0AEC1E-F916-D8C1-1A23-A3D896BA554F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B1BF75A9-69FE-FD86-A35F-01D9664FB6A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36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          Klik ENTER og derefter TAB for at se næste tekstformat                   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4075d637-eec0-4b95-9bd1-f4c48b2dc155&quot;}}">
            <a:extLst>
              <a:ext uri="{FF2B5EF4-FFF2-40B4-BE49-F238E27FC236}">
                <a16:creationId xmlns:a16="http://schemas.microsoft.com/office/drawing/2014/main" id="{63A728E3-D1FE-81F3-36A1-EDB263C3CE81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443684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3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326B517-3B52-42D3-ACB9-392D6CA663F5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Klik ENTER og derefter TAB for at se næste tekstformat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73671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508D419-FD63-426C-A810-ABE1451036F9}" type="datetime2">
              <a:rPr lang="da-DK" smtClean="0"/>
              <a:t>30. oktober 2024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01BA9263-E6A0-583C-1024-86C7DE6E50DA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B6F5CE89-0896-BE5A-F8D0-EAC40C59701E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9377A36B-E2AE-F575-0C7C-49FF1EED9D88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Klik ENTER og derefter TAB for at se næste tekstformat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13e592f8-9bb2-4efd-83fa-13ce261de2ec&quot;}}">
            <a:extLst>
              <a:ext uri="{FF2B5EF4-FFF2-40B4-BE49-F238E27FC236}">
                <a16:creationId xmlns:a16="http://schemas.microsoft.com/office/drawing/2014/main" id="{92510BFB-3800-C065-FF12-352475C7ECB3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07730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A276B8E-E2A0-42EA-BD8F-0BDC2C46FF55}" type="datetime2">
              <a:rPr lang="da-DK" smtClean="0"/>
              <a:t>30. oktober 2024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A516E237-BAAB-00D2-8DA6-EDAD73D8D766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F80CED2-C571-EF6C-585A-5E5E2E81E324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0E3DB923-4F6C-F6DD-9C8E-2FAA0DE0A78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Klik ENTER og derefter TAB for at se næste tekstformat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06457766-ef02-4117-85a6-48b71c597972&quot;}}">
            <a:extLst>
              <a:ext uri="{FF2B5EF4-FFF2-40B4-BE49-F238E27FC236}">
                <a16:creationId xmlns:a16="http://schemas.microsoft.com/office/drawing/2014/main" id="{A57A193D-9F9F-B308-68FA-33567529EAC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912598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blad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" y="0"/>
            <a:ext cx="12192000" cy="68580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200" b="0" i="0" u="none" strike="noStrike" cap="none" normalizeH="0" baseline="0" dirty="0">
              <a:ln>
                <a:noFill/>
              </a:ln>
              <a:solidFill>
                <a:schemeClr val="tx2"/>
              </a:solidFill>
              <a:effectLst/>
              <a:latin typeface="+mn-lt"/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 bwMode="white"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i en, to eller tre linjer</a:t>
            </a:r>
            <a:endParaRPr lang="da-DK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indsætte tekst</a:t>
            </a:r>
            <a:endParaRPr lang="da-DK"/>
          </a:p>
        </p:txBody>
      </p:sp>
      <p:pic>
        <p:nvPicPr>
          <p:cNvPr id="8" name="LogoNeg">
            <a:extLst>
              <a:ext uri="{FF2B5EF4-FFF2-40B4-BE49-F238E27FC236}">
                <a16:creationId xmlns:a16="http://schemas.microsoft.com/office/drawing/2014/main" id="{FF1BD0F0-38A1-18C1-5651-CD22444958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442800" y="6109200"/>
            <a:ext cx="1522799" cy="562350"/>
          </a:xfrm>
          <a:prstGeom prst="rect">
            <a:avLst/>
          </a:prstGeom>
        </p:spPr>
      </p:pic>
      <p:sp>
        <p:nvSpPr>
          <p:cNvPr id="11" name="Pladsholder til dato 10">
            <a:extLst>
              <a:ext uri="{FF2B5EF4-FFF2-40B4-BE49-F238E27FC236}">
                <a16:creationId xmlns:a16="http://schemas.microsoft.com/office/drawing/2014/main" id="{59DBCF50-6E69-4DC0-E5E6-FBB6AE8811D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8A034D88-DCE1-E228-D431-DF36730236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D152D9C-07B4-65F4-DA4A-7A7690FF0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14" name="Date" descr="{&quot;templafy&quot;:{&quot;id&quot;:&quot;9056f21c-ddcf-44c7-aecc-fd458c6b1536&quot;}}">
            <a:extLst>
              <a:ext uri="{FF2B5EF4-FFF2-40B4-BE49-F238E27FC236}">
                <a16:creationId xmlns:a16="http://schemas.microsoft.com/office/drawing/2014/main" id="{0C006F02-5C1B-FF90-90A0-466D2D5BB54E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970564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bla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dato 12" hidden="1">
            <a:extLst>
              <a:ext uri="{FF2B5EF4-FFF2-40B4-BE49-F238E27FC236}">
                <a16:creationId xmlns:a16="http://schemas.microsoft.com/office/drawing/2014/main" id="{C1BA4B5B-8DEB-AF2D-7DAE-8E53751A6C8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da-DK" dirty="0"/>
              <a:t>Klik for at indsætte overskrift i en, to eller tre linjer</a:t>
            </a:r>
            <a:endParaRPr lang="da-DK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accent2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indsætte tekst</a:t>
            </a:r>
            <a:endParaRPr lang="da-DK"/>
          </a:p>
        </p:txBody>
      </p:sp>
      <p:sp>
        <p:nvSpPr>
          <p:cNvPr id="14" name="Pladsholder til sidefod 13">
            <a:extLst>
              <a:ext uri="{FF2B5EF4-FFF2-40B4-BE49-F238E27FC236}">
                <a16:creationId xmlns:a16="http://schemas.microsoft.com/office/drawing/2014/main" id="{AFE7C8A7-CE6B-9618-54D0-B6C74424A3D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352F7897-F1E4-63E8-DD1E-ADC38E3C3E0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3" name="Date" descr="{&quot;templafy&quot;:{&quot;id&quot;:&quot;a730b828-a403-4893-b9bc-178a88309f60&quot;}}">
            <a:extLst>
              <a:ext uri="{FF2B5EF4-FFF2-40B4-BE49-F238E27FC236}">
                <a16:creationId xmlns:a16="http://schemas.microsoft.com/office/drawing/2014/main" id="{05055FB6-676A-467D-BD53-C1DAB82D9CD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2565359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86F8E326-C08F-4A91-AC39-AC597CF03D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5A8699-8BBB-435B-9977-AD9205762614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FC1E843-D1B7-4A1B-88E0-600F68E235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6FD6CF0-63E8-4640-A2FA-617A92A157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AED2B4DF-878F-FF9A-809E-C8E3053777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1414D71-1D5C-4DBB-9DF3-E84041097B91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1124744"/>
            <a:ext cx="11341476" cy="995280"/>
          </a:xfrm>
        </p:spPr>
        <p:txBody>
          <a:bodyPr rIns="0" anchor="b" anchorCtr="0"/>
          <a:lstStyle>
            <a:lvl1pPr algn="ctr">
              <a:defRPr sz="3200" cap="none" baseline="0"/>
            </a:lvl1pPr>
          </a:lstStyle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cxnSp>
        <p:nvCxnSpPr>
          <p:cNvPr id="11" name="Lige forbindelse 10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6A4AF53A-C66B-DC8B-4B53-FF003F396E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9F248BF-18A1-AA30-2171-CACD4C0DDD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782984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hvid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7E83011-5AF9-4949-A20B-633CF9806B0B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for at indsætte et mørkt billede via Templafy Images/Billede</a:t>
            </a:r>
            <a:endParaRPr lang="da-DK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i en, to eller tre linjer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442800" y="3240000"/>
            <a:ext cx="5526200" cy="1656000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>
                <a:solidFill>
                  <a:schemeClr val="bg1"/>
                </a:solidFill>
              </a:defRPr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da-DK" dirty="0"/>
              <a:t>Klik for at indsætte under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HI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9425" y="1127096"/>
            <a:ext cx="2772000" cy="54444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for at se vinduet til højre på skærmen, hvis det ikke allerede er 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for at søge efter billede</a:t>
            </a:r>
            <a:endParaRPr lang="da-DK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54986" y="1127096"/>
            <a:ext cx="2772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36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. </a:t>
            </a:r>
            <a: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b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napperne i Templafy vinduet i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3864" y="1127096"/>
            <a:ext cx="277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116333" y="2886030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116333" y="2149622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16333" y="3651009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3116333" y="5336862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95113" y="2985903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136614" y="4066798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423864" y="311200"/>
            <a:ext cx="11342686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6333" y="4427206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24334" y="1685258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F4554D5-0EAD-40BF-98B1-4B4FACDAD75E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°›</a:t>
            </a:fld>
            <a:endParaRPr lang="da-DK" dirty="0"/>
          </a:p>
        </p:txBody>
      </p:sp>
      <p:pic>
        <p:nvPicPr>
          <p:cNvPr id="25" name="Billede 26">
            <a:extLst>
              <a:ext uri="{FF2B5EF4-FFF2-40B4-BE49-F238E27FC236}">
                <a16:creationId xmlns:a16="http://schemas.microsoft.com/office/drawing/2014/main" id="{9792A83C-2258-48A0-932F-70B2FEA4C109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7094852" y="1510428"/>
            <a:ext cx="305786" cy="365851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F9E26A3C-CAB2-4B09-9A1C-44C2BC07DE3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1"/>
          <a:srcRect l="50000" t="50000" b="4554"/>
          <a:stretch/>
        </p:blipFill>
        <p:spPr>
          <a:xfrm>
            <a:off x="7028991" y="2236720"/>
            <a:ext cx="437508" cy="365851"/>
          </a:xfrm>
          <a:prstGeom prst="rect">
            <a:avLst/>
          </a:prstGeom>
        </p:spPr>
      </p:pic>
      <p:grpSp>
        <p:nvGrpSpPr>
          <p:cNvPr id="35" name="Group 34">
            <a:extLst>
              <a:ext uri="{FF2B5EF4-FFF2-40B4-BE49-F238E27FC236}">
                <a16:creationId xmlns:a16="http://schemas.microsoft.com/office/drawing/2014/main" id="{50AC19EB-0876-4AD2-A993-BF4251CF88A7}"/>
              </a:ext>
            </a:extLst>
          </p:cNvPr>
          <p:cNvGrpSpPr/>
          <p:nvPr userDrawn="1"/>
        </p:nvGrpSpPr>
        <p:grpSpPr>
          <a:xfrm>
            <a:off x="10363234" y="5348021"/>
            <a:ext cx="991746" cy="384654"/>
            <a:chOff x="10992821" y="4404000"/>
            <a:chExt cx="1588357" cy="616052"/>
          </a:xfrm>
        </p:grpSpPr>
        <p:pic>
          <p:nvPicPr>
            <p:cNvPr id="40" name="Picture 39">
              <a:extLst>
                <a:ext uri="{FF2B5EF4-FFF2-40B4-BE49-F238E27FC236}">
                  <a16:creationId xmlns:a16="http://schemas.microsoft.com/office/drawing/2014/main" id="{39B144DF-43C1-4F2A-846E-CE1C72156335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41" name="Picture 40">
              <a:extLst>
                <a:ext uri="{FF2B5EF4-FFF2-40B4-BE49-F238E27FC236}">
                  <a16:creationId xmlns:a16="http://schemas.microsoft.com/office/drawing/2014/main" id="{2FD2B8FD-2C72-40D1-A37C-6C49B7D2B8F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87583718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1">
                <a:solidFill>
                  <a:schemeClr val="bg1"/>
                </a:solidFill>
              </a:rPr>
              <a:t>Hvis du ser andre </a:t>
            </a:r>
            <a:r>
              <a:rPr lang="da-DK" sz="4400" b="1" i="1" noProof="1">
                <a:solidFill>
                  <a:schemeClr val="bg1"/>
                </a:solidFill>
              </a:rPr>
              <a:t>layouts efter dette,</a:t>
            </a:r>
            <a:br>
              <a:rPr lang="da-DK" sz="4400" b="0" i="0" noProof="1">
                <a:solidFill>
                  <a:schemeClr val="bg1"/>
                </a:solidFill>
              </a:rPr>
            </a:br>
            <a:r>
              <a:rPr lang="da-DK" sz="4400" b="0" noProof="1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1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1">
                <a:solidFill>
                  <a:schemeClr val="bg1"/>
                </a:solidFill>
              </a:rPr>
              <a:t>vores corporate </a:t>
            </a:r>
            <a:r>
              <a:rPr lang="da-DK" sz="4400" b="0" noProof="1">
                <a:solidFill>
                  <a:schemeClr val="bg1"/>
                </a:solidFill>
              </a:rPr>
              <a:t>skabelon.</a:t>
            </a:r>
            <a:br>
              <a:rPr lang="da-DK" sz="2800" b="0" noProof="1">
                <a:solidFill>
                  <a:schemeClr val="bg1"/>
                </a:solidFill>
              </a:rPr>
            </a:br>
            <a:br>
              <a:rPr lang="da-DK" sz="2800" b="0" noProof="1">
                <a:solidFill>
                  <a:schemeClr val="bg1"/>
                </a:solidFill>
              </a:rPr>
            </a:br>
            <a:endParaRPr lang="da-DK" sz="2800" b="0" noProof="1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1">
                <a:solidFill>
                  <a:schemeClr val="bg1"/>
                </a:solidFill>
              </a:rPr>
              <a:t>Brug dem ikke </a:t>
            </a:r>
            <a:endParaRPr lang="da-DK" sz="10000" b="1" i="1" noProof="1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12772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1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1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1">
                <a:solidFill>
                  <a:schemeClr val="bg1"/>
                </a:solidFill>
              </a:rPr>
            </a:br>
            <a:endParaRPr lang="da-DK" sz="1800" b="0" noProof="1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1CE23B-B84B-4486-83AC-A2D839CB69E9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sort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5C298C-1B80-41BE-ACFE-0FFB678C561A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/>
            </a:lvl1pPr>
          </a:lstStyle>
          <a:p>
            <a:r>
              <a:rPr lang="da-DK" dirty="0"/>
              <a:t>Klik på rammen for at indsætte et lyst billede via Templafy Images/Billede</a:t>
            </a:r>
            <a:endParaRPr lang="da-DK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da-DK" dirty="0"/>
              <a:t>Klik for at indsætte overskrift i en, to eller tre linjer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42800" y="3240000"/>
            <a:ext cx="5526200" cy="1655762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/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da-DK" dirty="0"/>
              <a:t>Klik for at indsætte under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1584654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9180000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da-DK" noProof="0" dirty="0"/>
              <a:t>Klik for at indsætte tekst                                                                   Klik ENTER og derefter TAB for at se næste tekstformat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11342687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da-DK" noProof="0" dirty="0"/>
              <a:t>Klik på rammen for at indsætte billede via Templafy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257022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/billede 2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6FEB6DD9-734A-4FA8-A1CB-C1C36D645F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1F5F64-2DA4-475A-A8E9-D5C53A3EF46F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3863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4801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på rammen for at indsætte billede via Templafy eller                                Klik for at indsætte tekst                     Klik ENTER og derefter TAB for at se næste tekstformat           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2350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på rammen for at indsætte billede via Templafy elle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AD15D48-4ED7-45AA-998F-4E4EAC08EE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F0DB9D-F098-4650-9BA3-F7CF306A2AB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FC87C363-C194-1652-B944-F4F491B63BA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1 spalte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2FCB603-C396-4B00-8583-A911AF0410C5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Klik for at indsætte figu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29133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3CC9B0B-9B49-4785-B00F-166EC2D03963}" type="datetime2">
              <a:rPr lang="da-DK" smtClean="0"/>
              <a:t>30. oktober 2024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1AADD589-CB0C-78DB-D991-EE3E2DB6410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ED9A6D80-9063-542E-BF9B-68DDE730D1F6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CBB335BF-CC2D-F3A3-35F3-1F8C86C9446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Klik for at indsætte figu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06710f97-5dc3-46a3-948e-4b1acadf0803&quot;}}">
            <a:extLst>
              <a:ext uri="{FF2B5EF4-FFF2-40B4-BE49-F238E27FC236}">
                <a16:creationId xmlns:a16="http://schemas.microsoft.com/office/drawing/2014/main" id="{C49C20D4-295A-EA91-DE6D-587E02D1B854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555256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3548D0F-FD05-4B2A-835F-986DAA1C5630}" type="datetime2">
              <a:rPr lang="da-DK" smtClean="0"/>
              <a:t>30. oktober 2024</a:t>
            </a:fld>
            <a:endParaRPr lang="da-DK" dirty="0"/>
          </a:p>
        </p:txBody>
      </p: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D6A4C236-4AAC-3A38-146D-B9CE8040A63D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17" name="Baggrund">
              <a:extLst>
                <a:ext uri="{FF2B5EF4-FFF2-40B4-BE49-F238E27FC236}">
                  <a16:creationId xmlns:a16="http://schemas.microsoft.com/office/drawing/2014/main" id="{8C363A4A-DFE8-8E36-4408-6E078F28AB48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8" name="Logo">
              <a:extLst>
                <a:ext uri="{FF2B5EF4-FFF2-40B4-BE49-F238E27FC236}">
                  <a16:creationId xmlns:a16="http://schemas.microsoft.com/office/drawing/2014/main" id="{EE6AF6A3-4C9E-B092-13F4-524F0FD41B3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Klik for at indsætte figu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9" name="Date" descr="{&quot;templafy&quot;:{&quot;id&quot;:&quot;886daf71-e0a0-4f9c-9176-0c7e7bc53d99&quot;}}">
            <a:extLst>
              <a:ext uri="{FF2B5EF4-FFF2-40B4-BE49-F238E27FC236}">
                <a16:creationId xmlns:a16="http://schemas.microsoft.com/office/drawing/2014/main" id="{6B0B0D26-32E1-2AA2-36DB-1D3244EA536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88908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24800" y="1353600"/>
            <a:ext cx="11342688" cy="432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                                                                                                                                          Klik ENTER og derefter TAB for at se næste tekstformat                                              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Niveau 2</a:t>
            </a:r>
            <a:endParaRPr lang="da-DK"/>
          </a:p>
          <a:p>
            <a:pPr lvl="2"/>
            <a:r>
              <a:rPr lang="da-DK" noProof="0" dirty="0"/>
              <a:t>Niveau 3</a:t>
            </a:r>
            <a:endParaRPr lang="da-DK"/>
          </a:p>
          <a:p>
            <a:pPr lvl="3"/>
            <a:r>
              <a:rPr lang="da-DK" noProof="0" dirty="0"/>
              <a:t>Niveau 4, Overskrift</a:t>
            </a:r>
            <a:endParaRPr lang="da-DK"/>
          </a:p>
          <a:p>
            <a:pPr lvl="4"/>
            <a:r>
              <a:rPr lang="da-DK" noProof="0" dirty="0"/>
              <a:t>Niveau 5, Brødtekst</a:t>
            </a:r>
            <a:endParaRPr lang="da-DK"/>
          </a:p>
          <a:p>
            <a:pPr lvl="5"/>
            <a:r>
              <a:rPr lang="da-DK" noProof="0" dirty="0"/>
              <a:t>Niveau 6</a:t>
            </a:r>
            <a:endParaRPr lang="da-DK"/>
          </a:p>
          <a:p>
            <a:pPr lvl="6"/>
            <a:r>
              <a:rPr lang="da-DK" noProof="0" dirty="0"/>
              <a:t>Niveau 7, lille overskrift</a:t>
            </a:r>
            <a:endParaRPr lang="da-DK"/>
          </a:p>
          <a:p>
            <a:pPr lvl="7"/>
            <a:r>
              <a:rPr lang="da-DK" noProof="0" dirty="0"/>
              <a:t>Niveau 8, lille brødtekst</a:t>
            </a:r>
            <a:endParaRPr lang="da-DK"/>
          </a:p>
          <a:p>
            <a:pPr lvl="8"/>
            <a:r>
              <a:rPr lang="da-DK" noProof="0" dirty="0"/>
              <a:t>Niveau 9, Infografik</a:t>
            </a:r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055510" y="6426000"/>
            <a:ext cx="71197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°›</a:t>
            </a:fld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99000"/>
              </a:lnSpc>
              <a:defRPr sz="1000">
                <a:noFill/>
              </a:defRPr>
            </a:lvl1pPr>
          </a:lstStyle>
          <a:p>
            <a:fld id="{140D992D-30AB-4172-B2B1-51E5D34255DD}" type="datetime2">
              <a:rPr lang="da-DK" smtClean="0"/>
              <a:t>30. oktober 2024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221413" y="6426000"/>
            <a:ext cx="483409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endParaRPr lang="da-DK" dirty="0"/>
          </a:p>
        </p:txBody>
      </p:sp>
      <p:pic>
        <p:nvPicPr>
          <p:cNvPr id="31" name="Logo">
            <a:extLst>
              <a:ext uri="{FF2B5EF4-FFF2-40B4-BE49-F238E27FC236}">
                <a16:creationId xmlns:a16="http://schemas.microsoft.com/office/drawing/2014/main" id="{CC5E06D4-5E02-EE87-0012-3E83875F41E7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  <p:sp>
        <p:nvSpPr>
          <p:cNvPr id="10" name="Date" descr="{&quot;templafy&quot;:{&quot;id&quot;:&quot;42d397ff-23e6-4207-89e4-932faca440d1&quot;}}">
            <a:extLst>
              <a:ext uri="{FF2B5EF4-FFF2-40B4-BE49-F238E27FC236}">
                <a16:creationId xmlns:a16="http://schemas.microsoft.com/office/drawing/2014/main" id="{42943DDB-F3BE-8E24-F5FB-DBD274E0359D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0" r:id="rId1"/>
    <p:sldLayoutId id="2147483730" r:id="rId2"/>
    <p:sldLayoutId id="2147483791" r:id="rId3"/>
    <p:sldLayoutId id="2147483732" r:id="rId4"/>
    <p:sldLayoutId id="2147483811" r:id="rId5"/>
    <p:sldLayoutId id="2147483755" r:id="rId6"/>
    <p:sldLayoutId id="2147483805" r:id="rId7"/>
    <p:sldLayoutId id="2147483806" r:id="rId8"/>
    <p:sldLayoutId id="2147483807" r:id="rId9"/>
    <p:sldLayoutId id="2147483800" r:id="rId10"/>
    <p:sldLayoutId id="2147483803" r:id="rId11"/>
    <p:sldLayoutId id="2147483804" r:id="rId12"/>
    <p:sldLayoutId id="2147483798" r:id="rId13"/>
    <p:sldLayoutId id="2147483801" r:id="rId14"/>
    <p:sldLayoutId id="2147483802" r:id="rId15"/>
    <p:sldLayoutId id="2147483808" r:id="rId16"/>
    <p:sldLayoutId id="2147483809" r:id="rId17"/>
    <p:sldLayoutId id="2147483744" r:id="rId18"/>
    <p:sldLayoutId id="2147483810" r:id="rId19"/>
    <p:sldLayoutId id="2147483780" r:id="rId20"/>
    <p:sldLayoutId id="2147483753" r:id="rId21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9000"/>
        </a:lnSpc>
        <a:spcBef>
          <a:spcPts val="2000"/>
        </a:spcBef>
        <a:spcAft>
          <a:spcPts val="0"/>
        </a:spcAft>
        <a:buFont typeface="Arial" panose="020B0604020202020204" pitchFamily="34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2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2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56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67">
          <p15:clr>
            <a:srgbClr val="A4A3A4"/>
          </p15:clr>
        </p15:guide>
        <p15:guide id="2" pos="1326">
          <p15:clr>
            <a:srgbClr val="A4A3A4"/>
          </p15:clr>
        </p15:guide>
        <p15:guide id="3" orient="horz" pos="183">
          <p15:clr>
            <a:srgbClr val="A4A3A4"/>
          </p15:clr>
        </p15:guide>
        <p15:guide id="4" orient="horz" pos="3778">
          <p15:clr>
            <a:srgbClr val="A4A3A4"/>
          </p15:clr>
        </p15:guide>
        <p15:guide id="5" pos="1484">
          <p15:clr>
            <a:srgbClr val="A4A3A4"/>
          </p15:clr>
        </p15:guide>
        <p15:guide id="6" pos="2543">
          <p15:clr>
            <a:srgbClr val="A4A3A4"/>
          </p15:clr>
        </p15:guide>
        <p15:guide id="7" pos="2702">
          <p15:clr>
            <a:srgbClr val="A4A3A4"/>
          </p15:clr>
        </p15:guide>
        <p15:guide id="8" pos="3760">
          <p15:clr>
            <a:srgbClr val="A4A3A4"/>
          </p15:clr>
        </p15:guide>
        <p15:guide id="9" pos="3919">
          <p15:clr>
            <a:srgbClr val="A4A3A4"/>
          </p15:clr>
        </p15:guide>
        <p15:guide id="10" pos="4977">
          <p15:clr>
            <a:srgbClr val="A4A3A4"/>
          </p15:clr>
        </p15:guide>
        <p15:guide id="11" pos="5136">
          <p15:clr>
            <a:srgbClr val="A4A3A4"/>
          </p15:clr>
        </p15:guide>
        <p15:guide id="12" pos="6195">
          <p15:clr>
            <a:srgbClr val="A4A3A4"/>
          </p15:clr>
        </p15:guide>
        <p15:guide id="13" pos="6353">
          <p15:clr>
            <a:srgbClr val="A4A3A4"/>
          </p15:clr>
        </p15:guide>
        <p15:guide id="14" pos="7412">
          <p15:clr>
            <a:srgbClr val="A4A3A4"/>
          </p15:clr>
        </p15:guide>
        <p15:guide id="15" orient="horz" pos="696">
          <p15:clr>
            <a:srgbClr val="A4A3A4"/>
          </p15:clr>
        </p15:guide>
        <p15:guide id="16" orient="horz" pos="85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7.xml"/><Relationship Id="rId5" Type="http://schemas.openxmlformats.org/officeDocument/2006/relationships/image" Target="../media/image17.emf"/><Relationship Id="rId4" Type="http://schemas.openxmlformats.org/officeDocument/2006/relationships/image" Target="../media/image16.emf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18.emf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9.emf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5.xml"/><Relationship Id="rId4" Type="http://schemas.openxmlformats.org/officeDocument/2006/relationships/image" Target="../media/image20.emf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2.emf"/><Relationship Id="rId4" Type="http://schemas.openxmlformats.org/officeDocument/2006/relationships/image" Target="../media/image21.emf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.xml"/><Relationship Id="rId4" Type="http://schemas.openxmlformats.org/officeDocument/2006/relationships/image" Target="../media/image23.emf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A8A9ABF-8A55-247D-ADB5-1B7A8C3DDF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xchange rate management and </a:t>
            </a:r>
            <a:r>
              <a:rPr lang="da-DK" dirty="0" err="1"/>
              <a:t>capital</a:t>
            </a:r>
            <a:r>
              <a:rPr lang="da-DK" dirty="0"/>
              <a:t> flows: A </a:t>
            </a:r>
            <a:r>
              <a:rPr lang="da-DK" dirty="0" err="1"/>
              <a:t>practitioner’s</a:t>
            </a:r>
            <a:r>
              <a:rPr lang="da-DK" dirty="0"/>
              <a:t> </a:t>
            </a:r>
            <a:r>
              <a:rPr lang="da-DK" dirty="0" err="1"/>
              <a:t>perspective</a:t>
            </a:r>
            <a:endParaRPr lang="da-DK" dirty="0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C28D4D3B-647A-3E24-7F7E-FC31650C9F2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da-DK" dirty="0" err="1"/>
              <a:t>Governor</a:t>
            </a:r>
            <a:r>
              <a:rPr lang="da-DK" dirty="0"/>
              <a:t> Signe Krogstrup</a:t>
            </a:r>
          </a:p>
          <a:p>
            <a:r>
              <a:rPr lang="da-DK" dirty="0"/>
              <a:t>The International Center for </a:t>
            </a:r>
            <a:r>
              <a:rPr lang="da-DK" dirty="0" err="1"/>
              <a:t>Monetary</a:t>
            </a:r>
            <a:r>
              <a:rPr lang="da-DK" dirty="0"/>
              <a:t> and Banking Studies </a:t>
            </a:r>
            <a:r>
              <a:rPr lang="da-DK" dirty="0" err="1"/>
              <a:t>lecture</a:t>
            </a:r>
            <a:r>
              <a:rPr lang="da-DK" dirty="0"/>
              <a:t> on 29 </a:t>
            </a:r>
            <a:r>
              <a:rPr lang="da-DK" dirty="0" err="1"/>
              <a:t>October</a:t>
            </a:r>
            <a:r>
              <a:rPr lang="da-DK" dirty="0"/>
              <a:t>, 2024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89A7363-3AA3-DE41-9955-D7E0370C4784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561493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0BC224DC-E4C8-0631-82E9-4264D4C3DA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nmark has </a:t>
            </a:r>
            <a:r>
              <a:rPr lang="da-DK" dirty="0" err="1"/>
              <a:t>shifted</a:t>
            </a:r>
            <a:r>
              <a:rPr lang="da-DK" dirty="0"/>
              <a:t> from net </a:t>
            </a:r>
            <a:r>
              <a:rPr lang="da-DK" dirty="0" err="1"/>
              <a:t>debtor</a:t>
            </a:r>
            <a:r>
              <a:rPr lang="da-DK" dirty="0"/>
              <a:t> to net </a:t>
            </a:r>
            <a:r>
              <a:rPr lang="da-DK" dirty="0" err="1"/>
              <a:t>creditor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920A2175-A3DE-D48B-7AA8-6D759481397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Denmark’s current account balance and net foreign asset positions have reversed</a:t>
            </a:r>
            <a:endParaRPr lang="da-DK" dirty="0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8460A807-2208-FC02-5657-2F32A25ACF4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Note: Danish current account balance and net foreign asset position to GDP.</a:t>
            </a:r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51935272-D396-BEA3-EAF9-BD0A30EBBFF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da-DK" dirty="0"/>
              <a:t>Source: Danmarks Nationalbank.</a:t>
            </a:r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EF43AF76-434A-7951-06B6-4FD0A002F039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/>
              <a:t>The Danish interest rate spread to the euro area turned negative in 2012</a:t>
            </a:r>
            <a:endParaRPr lang="da-DK" dirty="0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C110F53E-70D5-EF91-E927-63C2A8CD7AE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en-US" dirty="0"/>
              <a:t>Note: Official FX reserves to nominal GDP. Monetary policy rate spread between Denmark and the euro area (before the introduction of the euro, the interest rate spread to Germany is used).</a:t>
            </a:r>
            <a:endParaRPr lang="da-DK" dirty="0"/>
          </a:p>
        </p:txBody>
      </p:sp>
      <p:sp>
        <p:nvSpPr>
          <p:cNvPr id="14" name="Pladsholder til tekst 13">
            <a:extLst>
              <a:ext uri="{FF2B5EF4-FFF2-40B4-BE49-F238E27FC236}">
                <a16:creationId xmlns:a16="http://schemas.microsoft.com/office/drawing/2014/main" id="{4C186FF9-66A3-B0EF-1AB9-7BF62DAA119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1712" y="6004800"/>
            <a:ext cx="5544000" cy="126000"/>
          </a:xfrm>
        </p:spPr>
        <p:txBody>
          <a:bodyPr/>
          <a:lstStyle/>
          <a:p>
            <a:r>
              <a:rPr lang="da-DK" dirty="0"/>
              <a:t>Source: Danmarks Nationalbank and Refinitiv </a:t>
            </a:r>
            <a:r>
              <a:rPr lang="da-DK" dirty="0" err="1"/>
              <a:t>Eikon</a:t>
            </a:r>
            <a:r>
              <a:rPr lang="da-DK" dirty="0"/>
              <a:t>.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6F2502F-6EC0-233F-ABEA-26352506427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21" name="Pladsholder til indhold 20">
            <a:extLst>
              <a:ext uri="{FF2B5EF4-FFF2-40B4-BE49-F238E27FC236}">
                <a16:creationId xmlns:a16="http://schemas.microsoft.com/office/drawing/2014/main" id="{6321C288-0895-01C6-CE57-60264BBC27CF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4"/>
          <a:stretch>
            <a:fillRect/>
          </a:stretch>
        </p:blipFill>
        <p:spPr>
          <a:xfrm>
            <a:off x="574512" y="1846263"/>
            <a:ext cx="5245426" cy="3830637"/>
          </a:xfrm>
          <a:prstGeom prst="rect">
            <a:avLst/>
          </a:prstGeom>
        </p:spPr>
      </p:pic>
      <p:pic>
        <p:nvPicPr>
          <p:cNvPr id="4" name="Pladsholder til indhold 3">
            <a:extLst>
              <a:ext uri="{FF2B5EF4-FFF2-40B4-BE49-F238E27FC236}">
                <a16:creationId xmlns:a16="http://schemas.microsoft.com/office/drawing/2014/main" id="{44F604A5-4DF5-564B-5E86-9CF878BCF8EA}"/>
              </a:ext>
            </a:extLst>
          </p:cNvPr>
          <p:cNvPicPr>
            <a:picLocks noGrp="1" noChangeAspect="1"/>
          </p:cNvPicPr>
          <p:nvPr>
            <p:ph sz="quarter" idx="18"/>
          </p:nvPr>
        </p:nvPicPr>
        <p:blipFill>
          <a:blip r:embed="rId5"/>
          <a:stretch>
            <a:fillRect/>
          </a:stretch>
        </p:blipFill>
        <p:spPr>
          <a:xfrm>
            <a:off x="6371373" y="1846263"/>
            <a:ext cx="5246803" cy="38306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648949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095B7D32-B2D2-EE1F-820C-483582585F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1" dirty="0">
                <a:effectLst/>
                <a:latin typeface="Nationalbank" panose="020B05030400000200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Danish gross foreign positions have surged since the 1980s</a:t>
            </a:r>
            <a:endParaRPr lang="da-DK" dirty="0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D37FDE3D-1E25-53EC-BFD9-5643EB81AA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Note: Danish net foreign asset position to GDP split into assets and liabilities.</a:t>
            </a:r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E4652554-1FAC-5D69-4AEB-F70C4A67E90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da-DK" dirty="0"/>
              <a:t>Source: Danmarks Nationalbank.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6F2502F-6EC0-233F-ABEA-26352506427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4" name="Pladsholder til indhold 3">
            <a:extLst>
              <a:ext uri="{FF2B5EF4-FFF2-40B4-BE49-F238E27FC236}">
                <a16:creationId xmlns:a16="http://schemas.microsoft.com/office/drawing/2014/main" id="{280A846F-672A-E2C6-D3E8-7FD494D32A8E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4"/>
          <a:stretch>
            <a:fillRect/>
          </a:stretch>
        </p:blipFill>
        <p:spPr>
          <a:xfrm>
            <a:off x="613032" y="1846263"/>
            <a:ext cx="10965935" cy="38306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778698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095B7D32-B2D2-EE1F-820C-483582585F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1" dirty="0">
                <a:effectLst/>
                <a:latin typeface="Nationalbank" panose="020B05030400000200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Net capital flows mask large gross flows</a:t>
            </a:r>
            <a:endParaRPr lang="da-DK" dirty="0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D37FDE3D-1E25-53EC-BFD9-5643EB81AA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Note: Quarterly capital flows in advanced economies divided by GDP. Weighted average across advanced economies with available data. Inflows (outflows) are residents’ gross sales (purchases) of foreign assets and non-residents' gross purchase (sales) of domestic assets.</a:t>
            </a:r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E4652554-1FAC-5D69-4AEB-F70C4A67E90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24800" y="6024600"/>
            <a:ext cx="11340000" cy="126000"/>
          </a:xfrm>
        </p:spPr>
        <p:txBody>
          <a:bodyPr/>
          <a:lstStyle/>
          <a:p>
            <a:r>
              <a:rPr lang="en-US" dirty="0"/>
              <a:t>Source: IMF and own calculations.</a:t>
            </a:r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6F2502F-6EC0-233F-ABEA-26352506427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4" name="Pladsholder til indhold 3">
            <a:extLst>
              <a:ext uri="{FF2B5EF4-FFF2-40B4-BE49-F238E27FC236}">
                <a16:creationId xmlns:a16="http://schemas.microsoft.com/office/drawing/2014/main" id="{F1392ED8-65D7-8470-E541-2714EFEE2AD6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4"/>
          <a:stretch>
            <a:fillRect/>
          </a:stretch>
        </p:blipFill>
        <p:spPr>
          <a:xfrm>
            <a:off x="666194" y="1846263"/>
            <a:ext cx="10859612" cy="38306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2983949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095B7D32-B2D2-EE1F-820C-483582585F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1" dirty="0">
                <a:effectLst/>
                <a:latin typeface="Nationalbank" panose="020B05030400000200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Danish foreign asset and liabilities differ greatly across sectors</a:t>
            </a:r>
            <a:endParaRPr lang="da-DK" dirty="0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D37FDE3D-1E25-53EC-BFD9-5643EB81AA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Note: Danish gross foreign assets and liabilities at Q1 2024. “Banks” include the central bank. “Institutional investors” are pensions funds and investment funds. “Others” mainly include non-financial holding companies.</a:t>
            </a:r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E4652554-1FAC-5D69-4AEB-F70C4A67E90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24800" y="5889300"/>
            <a:ext cx="11340000" cy="126000"/>
          </a:xfrm>
        </p:spPr>
        <p:txBody>
          <a:bodyPr/>
          <a:lstStyle/>
          <a:p>
            <a:r>
              <a:rPr lang="en-US" dirty="0"/>
              <a:t>Source: </a:t>
            </a:r>
            <a:r>
              <a:rPr lang="en-US" dirty="0" err="1"/>
              <a:t>Danmarks</a:t>
            </a:r>
            <a:r>
              <a:rPr lang="en-US" dirty="0"/>
              <a:t> </a:t>
            </a:r>
            <a:r>
              <a:rPr lang="en-US" dirty="0" err="1"/>
              <a:t>Nationalbank</a:t>
            </a:r>
            <a:r>
              <a:rPr lang="en-US" dirty="0"/>
              <a:t>.</a:t>
            </a:r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6F2502F-6EC0-233F-ABEA-26352506427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4" name="Pladsholder til indhold 3">
            <a:extLst>
              <a:ext uri="{FF2B5EF4-FFF2-40B4-BE49-F238E27FC236}">
                <a16:creationId xmlns:a16="http://schemas.microsoft.com/office/drawing/2014/main" id="{F3B17EFF-1F40-9622-5F65-1F54C6747D90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4"/>
          <a:stretch>
            <a:fillRect/>
          </a:stretch>
        </p:blipFill>
        <p:spPr>
          <a:xfrm>
            <a:off x="461949" y="1846263"/>
            <a:ext cx="11268101" cy="38306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4364938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0BC224DC-E4C8-0631-82E9-4264D4C3DA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Global factors </a:t>
            </a:r>
            <a:r>
              <a:rPr lang="da-DK" dirty="0" err="1"/>
              <a:t>impacted</a:t>
            </a:r>
            <a:r>
              <a:rPr lang="da-DK" dirty="0"/>
              <a:t> </a:t>
            </a:r>
            <a:r>
              <a:rPr lang="da-DK" dirty="0" err="1"/>
              <a:t>currencies</a:t>
            </a:r>
            <a:r>
              <a:rPr lang="da-DK" dirty="0"/>
              <a:t> </a:t>
            </a:r>
            <a:r>
              <a:rPr lang="da-DK" dirty="0" err="1"/>
              <a:t>differently</a:t>
            </a:r>
            <a:r>
              <a:rPr lang="da-DK" dirty="0"/>
              <a:t> </a:t>
            </a:r>
            <a:r>
              <a:rPr lang="da-DK" dirty="0" err="1"/>
              <a:t>during</a:t>
            </a:r>
            <a:r>
              <a:rPr lang="da-DK" dirty="0"/>
              <a:t> Great Financial </a:t>
            </a:r>
            <a:r>
              <a:rPr lang="da-DK" dirty="0" err="1"/>
              <a:t>Crisis</a:t>
            </a:r>
            <a:r>
              <a:rPr lang="da-DK" dirty="0"/>
              <a:t> and the Great Inflation</a:t>
            </a:r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920A2175-A3DE-D48B-7AA8-6D759481397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Decomposition of the EMP index for selected currencies – Great financial Crisis </a:t>
            </a:r>
            <a:endParaRPr lang="da-DK" dirty="0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8460A807-2208-FC02-5657-2F32A25ACF4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Note: The Great Financial Crisis is August to October 2008. </a:t>
            </a:r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51935272-D396-BEA3-EAF9-BD0A30EBBFF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en-US" dirty="0"/>
              <a:t>Source: Goldberg and Krogstrup (2023) and own calculations.</a:t>
            </a:r>
            <a:endParaRPr lang="da-DK" dirty="0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EF43AF76-434A-7951-06B6-4FD0A002F039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/>
              <a:t>Decomposition of the EMP index for selected currencies – Great inflation</a:t>
            </a:r>
            <a:endParaRPr lang="da-DK" dirty="0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C110F53E-70D5-EF91-E927-63C2A8CD7AE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en-US" dirty="0"/>
              <a:t>Note: The Great Inflation is start 2022 to February 2024. </a:t>
            </a:r>
            <a:endParaRPr lang="da-DK" dirty="0"/>
          </a:p>
        </p:txBody>
      </p:sp>
      <p:sp>
        <p:nvSpPr>
          <p:cNvPr id="14" name="Pladsholder til tekst 13">
            <a:extLst>
              <a:ext uri="{FF2B5EF4-FFF2-40B4-BE49-F238E27FC236}">
                <a16:creationId xmlns:a16="http://schemas.microsoft.com/office/drawing/2014/main" id="{4C186FF9-66A3-B0EF-1AB9-7BF62DAA119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1712" y="5878800"/>
            <a:ext cx="5544000" cy="126000"/>
          </a:xfrm>
        </p:spPr>
        <p:txBody>
          <a:bodyPr/>
          <a:lstStyle/>
          <a:p>
            <a:r>
              <a:rPr lang="en-US" dirty="0"/>
              <a:t>Source: Goldberg and Krogstrup (2023) and own calculations.</a:t>
            </a:r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6F2502F-6EC0-233F-ABEA-26352506427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31" name="Pladsholder til indhold 30">
            <a:extLst>
              <a:ext uri="{FF2B5EF4-FFF2-40B4-BE49-F238E27FC236}">
                <a16:creationId xmlns:a16="http://schemas.microsoft.com/office/drawing/2014/main" id="{4A4F0B38-B26A-24E3-2E2C-6009FB9E2BDD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4"/>
          <a:stretch>
            <a:fillRect/>
          </a:stretch>
        </p:blipFill>
        <p:spPr>
          <a:xfrm>
            <a:off x="494850" y="1846263"/>
            <a:ext cx="5404750" cy="3830637"/>
          </a:xfrm>
          <a:prstGeom prst="rect">
            <a:avLst/>
          </a:prstGeom>
        </p:spPr>
      </p:pic>
      <p:pic>
        <p:nvPicPr>
          <p:cNvPr id="34" name="Pladsholder til indhold 33">
            <a:extLst>
              <a:ext uri="{FF2B5EF4-FFF2-40B4-BE49-F238E27FC236}">
                <a16:creationId xmlns:a16="http://schemas.microsoft.com/office/drawing/2014/main" id="{CBD84D90-59FC-559C-9F1D-72EBB29C4220}"/>
              </a:ext>
            </a:extLst>
          </p:cNvPr>
          <p:cNvPicPr>
            <a:picLocks noGrp="1" noChangeAspect="1"/>
          </p:cNvPicPr>
          <p:nvPr>
            <p:ph sz="quarter" idx="18"/>
          </p:nvPr>
        </p:nvPicPr>
        <p:blipFill>
          <a:blip r:embed="rId5"/>
          <a:stretch>
            <a:fillRect/>
          </a:stretch>
        </p:blipFill>
        <p:spPr>
          <a:xfrm>
            <a:off x="6284599" y="1846263"/>
            <a:ext cx="5420351" cy="38306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9838462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095B7D32-B2D2-EE1F-820C-483582585F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1" dirty="0">
                <a:effectLst/>
                <a:latin typeface="Nationalbank" panose="020B05030400000200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Volatility of the Danish EMP has declined following the Great Financial Crisis</a:t>
            </a:r>
            <a:endParaRPr lang="da-DK" dirty="0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D37FDE3D-1E25-53EC-BFD9-5643EB81AA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Note: “Before GFC” January 2000 to December 2007. “After GFC” is January 2010 to February 2024. </a:t>
            </a:r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E4652554-1FAC-5D69-4AEB-F70C4A67E90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24800" y="5889300"/>
            <a:ext cx="11340000" cy="126000"/>
          </a:xfrm>
        </p:spPr>
        <p:txBody>
          <a:bodyPr/>
          <a:lstStyle/>
          <a:p>
            <a:r>
              <a:rPr lang="en-US" dirty="0"/>
              <a:t>Source: Goldberg and Krogstrup (2023) and own calculations.</a:t>
            </a:r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6F2502F-6EC0-233F-ABEA-26352506427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12" name="Pladsholder til indhold 11">
            <a:extLst>
              <a:ext uri="{FF2B5EF4-FFF2-40B4-BE49-F238E27FC236}">
                <a16:creationId xmlns:a16="http://schemas.microsoft.com/office/drawing/2014/main" id="{1BBD31B4-AA63-DE95-3E82-5BCC964DAF5E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4"/>
          <a:stretch>
            <a:fillRect/>
          </a:stretch>
        </p:blipFill>
        <p:spPr>
          <a:xfrm>
            <a:off x="610923" y="1846263"/>
            <a:ext cx="10970154" cy="38306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355391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C6B9694-EB73-FE18-87F1-0E14DEDBDE3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Thank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!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267F9AC-2299-F04E-7C8E-DD6C8EA748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78772672"/>
      </p:ext>
    </p:extLst>
  </p:cSld>
  <p:clrMapOvr>
    <a:masterClrMapping/>
  </p:clrMapOvr>
</p:sld>
</file>

<file path=ppt/theme/theme1.xml><?xml version="1.0" encoding="utf-8"?>
<a:theme xmlns:a="http://schemas.openxmlformats.org/drawingml/2006/main" name="Danmarks Nationalbank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lIns="108000" tIns="108000" rIns="108000" bIns="108000" rtlCol="0" anchor="ctr"/>
      <a:lstStyle>
        <a:defPPr algn="ctr">
          <a:defRPr sz="1500" noProof="0" dirty="0" err="1" smtClean="0">
            <a:solidFill>
              <a:schemeClr val="bg1"/>
            </a:solidFill>
            <a:latin typeface="+mn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000" dirty="0"/>
        </a:defPPr>
      </a:lstStyle>
    </a:txDef>
  </a:objectDefaults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BaseTemplate 16-9 DK TAW-MTC.potx" id="{E2CFA5DB-BC2F-4068-9FA9-16D27BA09D41}" vid="{18A5D593-3F51-447C-81EF-58CBA1D0D7DC}"/>
    </a:ext>
  </a:extLst>
</a:theme>
</file>

<file path=ppt/theme/theme2.xml><?xml version="1.0" encoding="utf-8"?>
<a:theme xmlns:a="http://schemas.openxmlformats.org/drawingml/2006/main" name="Office-tema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8276943456091859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8276943456091859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8276943456091859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638276943456091859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276943456091859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FormConfiguration><![CDATA[{"formFields":[{"required":false,"helpTexts":{},"spacing":{},"shareValue":false,"type":"datePicker","name":"Date","label":"Date"}],"formDataEntries":[{"name":"Date","value":"8wUdYmbHjM4l3jAPgqS3nQ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276943455641444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276943456091859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TemplateConfiguration><![CDATA[{"elementsMetadata":[{"type":"shape","id":"42d397ff-23e6-4207-89e4-932faca440d1","elementConfiguration":{"binding":"{{FormatDateTime(Form.Date,Translate(\"DateGeneral\"),DocumentLanguage)}}","visibility":"","type":"text","disableUpdates":false}},{"type":"shape","id":"06710f97-5dc3-46a3-948e-4b1acadf0803","elementConfiguration":{"binding":"{{FormatDateTime(Form.Date,Translate(\"DateGeneral\"),DocumentLanguage)}}","visibility":"","type":"text","disableUpdates":false}},{"type":"shape","id":"4075d637-eec0-4b95-9bd1-f4c48b2dc155","elementConfiguration":{"binding":"{{FormatDateTime(Form.Date,Translate(\"DateGeneral\"),DocumentLanguage)}}","visibility":"","type":"text","disableUpdates":false}},{"type":"shape","id":"a730b828-a403-4893-b9bc-178a88309f60","elementConfiguration":{"binding":"{{FormatDateTime(Form.Date,Translate(\"DateGeneral\"),DocumentLanguage)}}","visibility":"","type":"text","disableUpdates":false}},{"type":"shape","id":"9056f21c-ddcf-44c7-aecc-fd458c6b1536","elementConfiguration":{"binding":"{{FormatDateTime(Form.Date,Translate(\"DateGeneral\"),DocumentLanguage)}}","visibility":"","type":"text","disableUpdates":false}},{"type":"shape","id":"35fe1d0d-3849-4ee9-9d8f-33ed15480d9f","elementConfiguration":{"binding":"{{FormatDateTime(Form.Date,Translate(\"DateGeneral\"),DocumentLanguage)}}","visibility":"","type":"text","disableUpdates":false}},{"type":"shape","id":"06457766-ef02-4117-85a6-48b71c597972","elementConfiguration":{"binding":"{{FormatDateTime(Form.Date,Translate(\"DateGeneral\"),DocumentLanguage)}}","visibility":"","type":"text","disableUpdates":false}},{"type":"shape","id":"886daf71-e0a0-4f9c-9176-0c7e7bc53d99","elementConfiguration":{"binding":"{{FormatDateTime(Form.Date,Translate(\"DateGeneral\"),DocumentLanguage)}}","visibility":"","type":"text","disableUpdates":false}},{"type":"shape","id":"13e592f8-9bb2-4efd-83fa-13ce261de2ec","elementConfiguration":{"binding":"{{FormatDateTime(Form.Date,Translate(\"DateGeneral\"),DocumentLanguage)}}","visibility":"","type":"text","disableUpdates":false}}],"transformationConfigurations":[{"language":"{{DocumentLanguage}}","disableUpdates":false,"type":"proofingLanguage"}],"templateName":"Blank_præsentation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3BD2E17D-53E5-436D-B689-BB1EEBDB615A}">
  <ds:schemaRefs/>
</ds:datastoreItem>
</file>

<file path=customXml/itemProps10.xml><?xml version="1.0" encoding="utf-8"?>
<ds:datastoreItem xmlns:ds="http://schemas.openxmlformats.org/officeDocument/2006/customXml" ds:itemID="{B76281AB-DC25-4CD6-BFAA-79AE965C5D37}">
  <ds:schemaRefs/>
</ds:datastoreItem>
</file>

<file path=customXml/itemProps11.xml><?xml version="1.0" encoding="utf-8"?>
<ds:datastoreItem xmlns:ds="http://schemas.openxmlformats.org/officeDocument/2006/customXml" ds:itemID="{0F9BF20F-95A9-4640-A285-1D087CC76E17}">
  <ds:schemaRefs/>
</ds:datastoreItem>
</file>

<file path=customXml/itemProps12.xml><?xml version="1.0" encoding="utf-8"?>
<ds:datastoreItem xmlns:ds="http://schemas.openxmlformats.org/officeDocument/2006/customXml" ds:itemID="{203B723B-A216-4D9E-8CA6-1FC93BAFDB23}">
  <ds:schemaRefs/>
</ds:datastoreItem>
</file>

<file path=customXml/itemProps13.xml><?xml version="1.0" encoding="utf-8"?>
<ds:datastoreItem xmlns:ds="http://schemas.openxmlformats.org/officeDocument/2006/customXml" ds:itemID="{238AAE7F-2879-47D0-9E85-690F19FE5940}">
  <ds:schemaRefs/>
</ds:datastoreItem>
</file>

<file path=customXml/itemProps14.xml><?xml version="1.0" encoding="utf-8"?>
<ds:datastoreItem xmlns:ds="http://schemas.openxmlformats.org/officeDocument/2006/customXml" ds:itemID="{2D8840EF-2BBB-4B0D-88AA-648BA6210437}">
  <ds:schemaRefs/>
</ds:datastoreItem>
</file>

<file path=customXml/itemProps15.xml><?xml version="1.0" encoding="utf-8"?>
<ds:datastoreItem xmlns:ds="http://schemas.openxmlformats.org/officeDocument/2006/customXml" ds:itemID="{ADC837BD-D3DA-4E17-83F8-2A0F8CC85839}">
  <ds:schemaRefs/>
</ds:datastoreItem>
</file>

<file path=customXml/itemProps16.xml><?xml version="1.0" encoding="utf-8"?>
<ds:datastoreItem xmlns:ds="http://schemas.openxmlformats.org/officeDocument/2006/customXml" ds:itemID="{B4589A9E-E29E-440F-BA26-B0C9BFB8BB70}">
  <ds:schemaRefs/>
</ds:datastoreItem>
</file>

<file path=customXml/itemProps2.xml><?xml version="1.0" encoding="utf-8"?>
<ds:datastoreItem xmlns:ds="http://schemas.openxmlformats.org/officeDocument/2006/customXml" ds:itemID="{2F5C7366-A533-4400-AF4D-BB6A5C310A15}">
  <ds:schemaRefs/>
</ds:datastoreItem>
</file>

<file path=customXml/itemProps3.xml><?xml version="1.0" encoding="utf-8"?>
<ds:datastoreItem xmlns:ds="http://schemas.openxmlformats.org/officeDocument/2006/customXml" ds:itemID="{63BC0906-D2D3-4BF6-99CD-3E0D5D8F4338}">
  <ds:schemaRefs/>
</ds:datastoreItem>
</file>

<file path=customXml/itemProps4.xml><?xml version="1.0" encoding="utf-8"?>
<ds:datastoreItem xmlns:ds="http://schemas.openxmlformats.org/officeDocument/2006/customXml" ds:itemID="{08396AA3-520D-4277-9CCB-1B00D2AB4A0C}">
  <ds:schemaRefs/>
</ds:datastoreItem>
</file>

<file path=customXml/itemProps5.xml><?xml version="1.0" encoding="utf-8"?>
<ds:datastoreItem xmlns:ds="http://schemas.openxmlformats.org/officeDocument/2006/customXml" ds:itemID="{CE155E20-A041-431C-8DA5-533765E4E639}">
  <ds:schemaRefs/>
</ds:datastoreItem>
</file>

<file path=customXml/itemProps6.xml><?xml version="1.0" encoding="utf-8"?>
<ds:datastoreItem xmlns:ds="http://schemas.openxmlformats.org/officeDocument/2006/customXml" ds:itemID="{0B4C7528-5C7E-40B7-A333-E9CE6DC51154}">
  <ds:schemaRefs/>
</ds:datastoreItem>
</file>

<file path=customXml/itemProps7.xml><?xml version="1.0" encoding="utf-8"?>
<ds:datastoreItem xmlns:ds="http://schemas.openxmlformats.org/officeDocument/2006/customXml" ds:itemID="{2C766BB8-14E2-4E5B-958F-A127B3A0C8F3}">
  <ds:schemaRefs/>
</ds:datastoreItem>
</file>

<file path=customXml/itemProps8.xml><?xml version="1.0" encoding="utf-8"?>
<ds:datastoreItem xmlns:ds="http://schemas.openxmlformats.org/officeDocument/2006/customXml" ds:itemID="{5FD35563-9550-4E17-948E-6B6590B400FA}">
  <ds:schemaRefs/>
</ds:datastoreItem>
</file>

<file path=customXml/itemProps9.xml><?xml version="1.0" encoding="utf-8"?>
<ds:datastoreItem xmlns:ds="http://schemas.openxmlformats.org/officeDocument/2006/customXml" ds:itemID="{CE8CC1C0-FE44-49CF-B6C7-190E223374E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410</Words>
  <Application>Microsoft Macintosh PowerPoint</Application>
  <PresentationFormat>Grand écran</PresentationFormat>
  <Paragraphs>38</Paragraphs>
  <Slides>8</Slides>
  <Notes>0</Notes>
  <HiddenSlides>0</HiddenSlides>
  <MMClips>0</MMClips>
  <ScaleCrop>false</ScaleCrop>
  <HeadingPairs>
    <vt:vector size="6" baseType="variant">
      <vt:variant>
        <vt:lpstr>Polices utilisées</vt:lpstr>
      </vt:variant>
      <vt:variant>
        <vt:i4>2</vt:i4>
      </vt:variant>
      <vt:variant>
        <vt:lpstr>Thème</vt:lpstr>
      </vt:variant>
      <vt:variant>
        <vt:i4>1</vt:i4>
      </vt:variant>
      <vt:variant>
        <vt:lpstr>Titres des diapositives</vt:lpstr>
      </vt:variant>
      <vt:variant>
        <vt:i4>8</vt:i4>
      </vt:variant>
    </vt:vector>
  </HeadingPairs>
  <TitlesOfParts>
    <vt:vector size="11" baseType="lpstr">
      <vt:lpstr>Nationalbank</vt:lpstr>
      <vt:lpstr>Arial</vt:lpstr>
      <vt:lpstr>Danmarks Nationalbank</vt:lpstr>
      <vt:lpstr>Exchange rate management and capital flows: A practitioner’s perspective</vt:lpstr>
      <vt:lpstr>Denmark has shifted from net debtor to net creditor</vt:lpstr>
      <vt:lpstr>Danish gross foreign positions have surged since the 1980s</vt:lpstr>
      <vt:lpstr>Net capital flows mask large gross flows</vt:lpstr>
      <vt:lpstr>Danish foreign asset and liabilities differ greatly across sectors</vt:lpstr>
      <vt:lpstr>Global factors impacted currencies differently during Great Financial Crisis and the Great Inflation</vt:lpstr>
      <vt:lpstr>Volatility of the Danish EMP has declined following the Great Financial Crisis</vt:lpstr>
      <vt:lpstr>Thank you!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8-27T12:25:44Z</dcterms:created>
  <dcterms:modified xsi:type="dcterms:W3CDTF">2024-10-30T11:06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3-08-15T11:05:45</vt:lpwstr>
  </property>
  <property fmtid="{D5CDD505-2E9C-101B-9397-08002B2CF9AE}" pid="4" name="TemplafyTenantId">
    <vt:lpwstr>dntemp</vt:lpwstr>
  </property>
  <property fmtid="{D5CDD505-2E9C-101B-9397-08002B2CF9AE}" pid="5" name="TemplafyTemplateId">
    <vt:lpwstr>709857952978174996</vt:lpwstr>
  </property>
  <property fmtid="{D5CDD505-2E9C-101B-9397-08002B2CF9AE}" pid="6" name="TemplafyUserProfileId">
    <vt:lpwstr>881131936928236094</vt:lpwstr>
  </property>
  <property fmtid="{D5CDD505-2E9C-101B-9397-08002B2CF9AE}" pid="7" name="TemplafyLanguageCode">
    <vt:lpwstr>da-DK</vt:lpwstr>
  </property>
  <property fmtid="{D5CDD505-2E9C-101B-9397-08002B2CF9AE}" pid="8" name="TemplafyFromBlank">
    <vt:bool>true</vt:bool>
  </property>
</Properties>
</file>